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0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A4B372EE-E912-48C5-B894-7E2657B3C442}" xr6:coauthVersionLast="47" xr6:coauthVersionMax="47" xr10:uidLastSave="{00000000-0000-0000-0000-000000000000}"/>
  <bookViews>
    <workbookView xWindow="28680" yWindow="-120" windowWidth="29040" windowHeight="15720" xr2:uid="{D0D0D6ED-4ED6-4B82-8603-0EFC2A46289A}"/>
  </bookViews>
  <sheets>
    <sheet name="Final Standings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352" uniqueCount="155">
  <si>
    <t>PIT</t>
  </si>
  <si>
    <t>BAL</t>
  </si>
  <si>
    <t>Playoff Seeding:</t>
  </si>
  <si>
    <t>GB</t>
  </si>
  <si>
    <t>NYG</t>
  </si>
  <si>
    <t>Team</t>
  </si>
  <si>
    <t>Record</t>
  </si>
  <si>
    <t>Head to head</t>
  </si>
  <si>
    <t>Opponent SOS</t>
  </si>
  <si>
    <t xml:space="preserve">1. </t>
  </si>
  <si>
    <t xml:space="preserve"> </t>
  </si>
  <si>
    <t xml:space="preserve">2. </t>
  </si>
  <si>
    <t xml:space="preserve">3. </t>
  </si>
  <si>
    <t xml:space="preserve">4. </t>
  </si>
  <si>
    <t>4-12</t>
  </si>
  <si>
    <t>5.</t>
  </si>
  <si>
    <t xml:space="preserve">6. </t>
  </si>
  <si>
    <t>6-10</t>
  </si>
  <si>
    <t xml:space="preserve">7. </t>
  </si>
  <si>
    <t xml:space="preserve">8. </t>
  </si>
  <si>
    <t xml:space="preserve">9. </t>
  </si>
  <si>
    <t>7-9</t>
  </si>
  <si>
    <t>10.</t>
  </si>
  <si>
    <t>11.</t>
  </si>
  <si>
    <t>12.</t>
  </si>
  <si>
    <t>8-8</t>
  </si>
  <si>
    <t>13.</t>
  </si>
  <si>
    <t>14.</t>
  </si>
  <si>
    <t>15.</t>
  </si>
  <si>
    <t>16.</t>
  </si>
  <si>
    <t>17.</t>
  </si>
  <si>
    <t>--------------------------------Playoff Teams Below</t>
  </si>
  <si>
    <t>18.</t>
  </si>
  <si>
    <t>19.</t>
  </si>
  <si>
    <t>20.</t>
  </si>
  <si>
    <t>10-6</t>
  </si>
  <si>
    <t>21.</t>
  </si>
  <si>
    <t>22.</t>
  </si>
  <si>
    <t>23.</t>
  </si>
  <si>
    <t>12-4</t>
  </si>
  <si>
    <t>24.</t>
  </si>
  <si>
    <t>25.</t>
  </si>
  <si>
    <t>26.</t>
  </si>
  <si>
    <t>SEA</t>
  </si>
  <si>
    <t>27.</t>
  </si>
  <si>
    <t>28.</t>
  </si>
  <si>
    <t>TB</t>
  </si>
  <si>
    <t>Rookie Draft Generic Even Round:</t>
  </si>
  <si>
    <t>9-7</t>
  </si>
  <si>
    <t>WAS</t>
  </si>
  <si>
    <t>11-5</t>
  </si>
  <si>
    <t>14-2</t>
  </si>
  <si>
    <t>--------------------------------Lost in R1</t>
  </si>
  <si>
    <t>--------------------------------Lost in R2</t>
  </si>
  <si>
    <t>-------------------------------Champion</t>
  </si>
  <si>
    <t>-------------------------------Lost in the Super Bowl</t>
  </si>
  <si>
    <t>-------------------------------Lost in Conference Championship</t>
  </si>
  <si>
    <t>Round 4 - Semi-Final Results:</t>
  </si>
  <si>
    <t>Strong Conference:</t>
  </si>
  <si>
    <t>Round 3 - Quarter Final Results:</t>
  </si>
  <si>
    <t>Round 2 - Wildcard Results:</t>
  </si>
  <si>
    <t>Congratulations to the Washington Redskins (Keith)</t>
  </si>
  <si>
    <t>S28 Bowl VII:</t>
  </si>
  <si>
    <t>Washington Redskins 17 - Baltimore Ravens 16</t>
  </si>
  <si>
    <t>1. Baltimore Ravens 15-1</t>
  </si>
  <si>
    <t>2. Las Vegas Raiders 12-4</t>
  </si>
  <si>
    <t>4. Green Bay Packers 11-5</t>
  </si>
  <si>
    <t>5. New York Giants 9-7 (1-0 vs. Houston)</t>
  </si>
  <si>
    <t>6. Houston Texans 9-7</t>
  </si>
  <si>
    <t>Reeves Conference:</t>
  </si>
  <si>
    <t>1. Pittsburgh Steelers 11-5 (2-0 vs. NYJ and Washington)</t>
  </si>
  <si>
    <t>2. Washington Redskins 11-5 (1-1 vs. Pittsburgh and NYJ)</t>
  </si>
  <si>
    <t>3. New York Jets 11-5 (0-2 vs. Pittsburgh and Washington)</t>
  </si>
  <si>
    <t>4. Seattle Seahawks 10-6</t>
  </si>
  <si>
    <t>5. Los Angeles Rams 9-7</t>
  </si>
  <si>
    <t>3. Detroit Lions 11-5 (1-0 vs. GB)</t>
  </si>
  <si>
    <r>
      <t>#3 Detroit Lions 33 -</t>
    </r>
    <r>
      <rPr>
        <sz val="12"/>
        <color rgb="FF222222"/>
        <rFont val="Arial"/>
        <family val="2"/>
      </rPr>
      <t xml:space="preserve"> #6 Houston Texans 20</t>
    </r>
  </si>
  <si>
    <r>
      <t xml:space="preserve">#5 New York Giants 21 - </t>
    </r>
    <r>
      <rPr>
        <sz val="12"/>
        <color rgb="FF222222"/>
        <rFont val="Arial"/>
        <family val="2"/>
      </rPr>
      <t>#4 Green Bay Packers 14</t>
    </r>
  </si>
  <si>
    <r>
      <t>#2 Las Vegas Raiders 25</t>
    </r>
    <r>
      <rPr>
        <sz val="12"/>
        <color rgb="FF222222"/>
        <rFont val="Arial"/>
        <family val="2"/>
      </rPr>
      <t xml:space="preserve"> - #3 Detroit Lions 18</t>
    </r>
  </si>
  <si>
    <r>
      <t xml:space="preserve">#4 Seattle Seahawks 40 - </t>
    </r>
    <r>
      <rPr>
        <sz val="12"/>
        <color rgb="FF222222"/>
        <rFont val="Arial"/>
        <family val="2"/>
      </rPr>
      <t>#5 Los Angeles Rams 21</t>
    </r>
  </si>
  <si>
    <r>
      <t xml:space="preserve">#1 Baltimore Ravens 29 </t>
    </r>
    <r>
      <rPr>
        <sz val="12"/>
        <color rgb="FF222222"/>
        <rFont val="Arial"/>
        <family val="2"/>
      </rPr>
      <t>- #5 New York Giants 18</t>
    </r>
  </si>
  <si>
    <r>
      <t xml:space="preserve">#1 Pittsburgh Steelers 42 </t>
    </r>
    <r>
      <rPr>
        <sz val="12"/>
        <color rgb="FF222222"/>
        <rFont val="Arial"/>
        <family val="2"/>
      </rPr>
      <t>- #4 Seattle Seahawks 35</t>
    </r>
  </si>
  <si>
    <r>
      <t xml:space="preserve">#2 Washington Redskins 30 </t>
    </r>
    <r>
      <rPr>
        <sz val="12"/>
        <color rgb="FF222222"/>
        <rFont val="Arial"/>
        <family val="2"/>
      </rPr>
      <t>- #3 New York Jets 21</t>
    </r>
  </si>
  <si>
    <r>
      <t xml:space="preserve">#1 Baltimore Ravens 25 </t>
    </r>
    <r>
      <rPr>
        <sz val="12"/>
        <color rgb="FF222222"/>
        <rFont val="Arial"/>
        <family val="2"/>
      </rPr>
      <t>- #2 Las Vegas Raiders 3</t>
    </r>
  </si>
  <si>
    <r>
      <t xml:space="preserve">#2 Washington Redskins 38 </t>
    </r>
    <r>
      <rPr>
        <sz val="12"/>
        <color rgb="FF222222"/>
        <rFont val="Arial"/>
        <family val="2"/>
      </rPr>
      <t>- #1 Pittsburgh Steelers 21</t>
    </r>
  </si>
  <si>
    <t>1 Arizona 2-14 Zona wins the tougher strength of Victory</t>
  </si>
  <si>
    <t xml:space="preserve">2 Tennessee 2-14 </t>
  </si>
  <si>
    <t>3 Indy (4-12)  Indy beat Chicago - gets higher pick</t>
  </si>
  <si>
    <t xml:space="preserve">4 Chicago (4-12) </t>
  </si>
  <si>
    <t xml:space="preserve">5 Tampa (5-11) </t>
  </si>
  <si>
    <t>6 Denver (6-10)  Denver Higher SOS</t>
  </si>
  <si>
    <t xml:space="preserve">7 Carolina (6-10)  </t>
  </si>
  <si>
    <t xml:space="preserve">9 New Orleans </t>
  </si>
  <si>
    <t>10 Jacksonville Beat Dallas (Both teams 1-2 vs Tied Teams)</t>
  </si>
  <si>
    <t xml:space="preserve">11 Dallas </t>
  </si>
  <si>
    <t>12 Buff (8-8) Miami(132 SOS)</t>
  </si>
  <si>
    <t>13 Cinnci Cinnci(130 SOS)</t>
  </si>
  <si>
    <t>14 KC New England (127 SOS)</t>
  </si>
  <si>
    <t>15 Miami Philly(124 SOS)</t>
  </si>
  <si>
    <t>16 New England  Buffalo (121 SOS)</t>
  </si>
  <si>
    <t>17 Philly KC (115 SOS)</t>
  </si>
  <si>
    <t>18 Houston 1st Rnd Loss - did not play each other (TRADED to TENN)</t>
  </si>
  <si>
    <t>19 LA Rams Houston Higher SOS</t>
  </si>
  <si>
    <t>20 GreenBay 1st Round Loss 11-5</t>
  </si>
  <si>
    <t>21 NY Giants 2nd Round Loss 9-7</t>
  </si>
  <si>
    <t>22 Seattle 2nd Round loss 10-6</t>
  </si>
  <si>
    <t>23 NY Jets 2nd Round Loss 11-5 Higher SOS</t>
  </si>
  <si>
    <t>24 Detroit 2nd Round Losst 11-5</t>
  </si>
  <si>
    <t>25 Pittsburgh 11-5 Semi Loss (TRADED to CHICAGO)</t>
  </si>
  <si>
    <t>26 Las Vegas 12-4 Semi Loss</t>
  </si>
  <si>
    <t>27 Baltimore Superbowl Runner Up</t>
  </si>
  <si>
    <r>
      <t>28 Washington Superbowl Champ</t>
    </r>
    <r>
      <rPr>
        <sz val="10"/>
        <color rgb="FF868686"/>
        <rFont val="Arial"/>
        <family val="2"/>
      </rPr>
      <t> (edited) </t>
    </r>
  </si>
  <si>
    <t>2-14</t>
  </si>
  <si>
    <t>Tougher Strength of Victory</t>
  </si>
  <si>
    <t>Indy beat Chicago - gets higher pick</t>
  </si>
  <si>
    <t>5-11</t>
  </si>
  <si>
    <t>Toughest Strength of Opponent</t>
  </si>
  <si>
    <t>8 Atlanta(7-9) Beat New Orleans (both 2-1 vs tied teams)</t>
  </si>
  <si>
    <t>Beat NO H2H (both 2-1 vs tied teams)</t>
  </si>
  <si>
    <t>Better DAL H2H (Both 1-2 vs. 7-9 teams)</t>
  </si>
  <si>
    <t>132 SOS</t>
  </si>
  <si>
    <t>130 SOS</t>
  </si>
  <si>
    <t>127 SOS</t>
  </si>
  <si>
    <t>124 SOS</t>
  </si>
  <si>
    <t>121 SOS</t>
  </si>
  <si>
    <t>115 SOS</t>
  </si>
  <si>
    <t>HOU 1st Rnd Loss Beat LAR in Reg Season</t>
  </si>
  <si>
    <t>1st Round Loss</t>
  </si>
  <si>
    <t>2nd Round Loss</t>
  </si>
  <si>
    <t>2nd Round Loss, Higher SOS</t>
  </si>
  <si>
    <t>Conf Champ Loss</t>
  </si>
  <si>
    <t>LAV</t>
  </si>
  <si>
    <t>15-1</t>
  </si>
  <si>
    <t>Super Bowl Runner Up</t>
  </si>
  <si>
    <t>Super Bowl Champion</t>
  </si>
  <si>
    <t>AZ*</t>
  </si>
  <si>
    <t>TEN*</t>
  </si>
  <si>
    <t>IND*</t>
  </si>
  <si>
    <t>CHI*</t>
  </si>
  <si>
    <t>DEN*</t>
  </si>
  <si>
    <t>CAR*</t>
  </si>
  <si>
    <t>ATL*</t>
  </si>
  <si>
    <t>NO*</t>
  </si>
  <si>
    <t>JAX*</t>
  </si>
  <si>
    <t>DAL*</t>
  </si>
  <si>
    <t>BUF*</t>
  </si>
  <si>
    <t>CIN*</t>
  </si>
  <si>
    <t>KC*</t>
  </si>
  <si>
    <t>MIA*</t>
  </si>
  <si>
    <t>NE*</t>
  </si>
  <si>
    <t>PHI*</t>
  </si>
  <si>
    <t>HOU*</t>
  </si>
  <si>
    <t>LAR*</t>
  </si>
  <si>
    <t>NYJ*</t>
  </si>
  <si>
    <t>DET*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Calibri"/>
      <family val="2"/>
      <scheme val="minor"/>
    </font>
    <font>
      <sz val="12"/>
      <color rgb="FF222222"/>
      <name val="Arial"/>
      <family val="2"/>
    </font>
    <font>
      <b/>
      <sz val="12"/>
      <color rgb="FF222222"/>
      <name val="Arial"/>
      <family val="2"/>
    </font>
    <font>
      <b/>
      <sz val="24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1"/>
      <color theme="1"/>
      <name val="Calibri"/>
      <family val="2"/>
      <scheme val="minor"/>
    </font>
    <font>
      <u/>
      <sz val="10"/>
      <color indexed="12"/>
      <name val="Arial"/>
      <family val="2"/>
    </font>
    <font>
      <b/>
      <sz val="13.5"/>
      <color rgb="FF222222"/>
      <name val="Arial"/>
      <family val="2"/>
    </font>
    <font>
      <sz val="12"/>
      <color theme="1"/>
      <name val="Calibri"/>
      <family val="2"/>
      <scheme val="minor"/>
    </font>
    <font>
      <sz val="11"/>
      <color rgb="FF1D1C1D"/>
      <name val="Arial"/>
      <family val="2"/>
    </font>
    <font>
      <sz val="10"/>
      <color rgb="FF868686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8">
    <xf numFmtId="0" fontId="0" fillId="0" borderId="0"/>
    <xf numFmtId="0" fontId="4" fillId="0" borderId="0"/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6" fillId="0" borderId="0"/>
    <xf numFmtId="0" fontId="4" fillId="0" borderId="0"/>
  </cellStyleXfs>
  <cellXfs count="14">
    <xf numFmtId="0" fontId="0" fillId="0" borderId="0" xfId="0"/>
    <xf numFmtId="0" fontId="0" fillId="0" borderId="0" xfId="0" applyAlignment="1">
      <alignment vertical="center" wrapText="1"/>
    </xf>
    <xf numFmtId="0" fontId="1" fillId="0" borderId="0" xfId="0" applyFont="1" applyAlignment="1">
      <alignment vertical="center" wrapText="1"/>
    </xf>
    <xf numFmtId="0" fontId="2" fillId="0" borderId="0" xfId="0" applyFont="1" applyAlignment="1">
      <alignment vertical="center" wrapText="1"/>
    </xf>
    <xf numFmtId="0" fontId="0" fillId="0" borderId="0" xfId="0" applyAlignment="1">
      <alignment vertical="center"/>
    </xf>
    <xf numFmtId="49" fontId="0" fillId="0" borderId="0" xfId="0" applyNumberFormat="1"/>
    <xf numFmtId="49" fontId="0" fillId="0" borderId="0" xfId="0" applyNumberFormat="1" applyAlignment="1">
      <alignment vertical="center"/>
    </xf>
    <xf numFmtId="49" fontId="4" fillId="0" borderId="0" xfId="0" applyNumberFormat="1" applyFont="1"/>
    <xf numFmtId="49" fontId="5" fillId="0" borderId="0" xfId="0" applyNumberFormat="1" applyFont="1"/>
    <xf numFmtId="49" fontId="0" fillId="0" borderId="0" xfId="0" applyNumberFormat="1" applyAlignment="1">
      <alignment horizontal="right"/>
    </xf>
    <xf numFmtId="0" fontId="3" fillId="0" borderId="0" xfId="0" applyFont="1" applyAlignment="1">
      <alignment horizontal="left"/>
    </xf>
    <xf numFmtId="0" fontId="8" fillId="0" borderId="0" xfId="0" applyFont="1" applyAlignment="1">
      <alignment vertical="center" wrapText="1"/>
    </xf>
    <xf numFmtId="0" fontId="9" fillId="0" borderId="0" xfId="0" applyFont="1"/>
    <xf numFmtId="0" fontId="10" fillId="0" borderId="0" xfId="0" applyFont="1"/>
  </cellXfs>
  <cellStyles count="8">
    <cellStyle name="Hyperlink 2" xfId="2" xr:uid="{0BEE6070-C57A-42A1-8053-50E12F812CB4}"/>
    <cellStyle name="Hyperlink 2 2" xfId="3" xr:uid="{58ACAD8A-58C8-494E-A29F-F02C509620B3}"/>
    <cellStyle name="Hyperlink 2 2 2" xfId="4" xr:uid="{4559BF09-646D-43A8-B004-519C4AE488A3}"/>
    <cellStyle name="Hyperlink 2 2 2 2" xfId="5" xr:uid="{E2E3DF55-A654-4DE1-8B47-DBB37AB9ED93}"/>
    <cellStyle name="Normal" xfId="0" builtinId="0"/>
    <cellStyle name="Normal 2" xfId="6" xr:uid="{CCC8FE98-B9B9-400F-A410-47E6A38DE40F}"/>
    <cellStyle name="Normal 3" xfId="7" xr:uid="{84A9A020-5416-4DD9-886D-83D2F6D1D92D}"/>
    <cellStyle name="Normal 4" xfId="1" xr:uid="{9DAC0CA5-E4E7-451D-98E4-42AFF34EC4D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BB41E0-BCE0-4536-8B5B-5CD52DD97EB6}">
  <dimension ref="A1:P98"/>
  <sheetViews>
    <sheetView tabSelected="1" topLeftCell="A36" zoomScaleNormal="100" workbookViewId="0">
      <selection activeCell="E52" sqref="E52"/>
    </sheetView>
  </sheetViews>
  <sheetFormatPr defaultRowHeight="15" x14ac:dyDescent="0.25"/>
  <cols>
    <col min="1" max="1" width="63.28515625" bestFit="1" customWidth="1"/>
    <col min="2" max="2" width="14.7109375" customWidth="1"/>
    <col min="4" max="4" width="12.85546875" bestFit="1" customWidth="1"/>
    <col min="5" max="5" width="37.42578125" customWidth="1"/>
    <col min="14" max="14" width="12.5703125" customWidth="1"/>
  </cols>
  <sheetData>
    <row r="1" spans="1:16" ht="31.5" x14ac:dyDescent="0.5">
      <c r="A1" s="10" t="s">
        <v>61</v>
      </c>
      <c r="B1" s="10"/>
      <c r="C1" s="10"/>
      <c r="D1" s="10"/>
      <c r="E1" s="10"/>
      <c r="F1" s="10"/>
      <c r="G1" s="10"/>
      <c r="H1" s="10"/>
      <c r="I1" s="10"/>
      <c r="J1" s="10"/>
      <c r="K1" s="10"/>
      <c r="L1" s="10"/>
      <c r="M1" s="10"/>
      <c r="N1" s="10"/>
      <c r="O1" s="10"/>
      <c r="P1" s="10"/>
    </row>
    <row r="3" spans="1:16" ht="15.75" customHeight="1" x14ac:dyDescent="0.25">
      <c r="A3" s="2" t="s">
        <v>62</v>
      </c>
    </row>
    <row r="4" spans="1:16" ht="15.75" customHeight="1" x14ac:dyDescent="0.25">
      <c r="A4" s="3" t="s">
        <v>63</v>
      </c>
    </row>
    <row r="5" spans="1:16" ht="15.75" customHeight="1" x14ac:dyDescent="0.25">
      <c r="A5" s="1"/>
    </row>
    <row r="6" spans="1:16" ht="15.75" customHeight="1" x14ac:dyDescent="0.25">
      <c r="A6" s="2" t="s">
        <v>57</v>
      </c>
    </row>
    <row r="7" spans="1:16" ht="15.75" customHeight="1" x14ac:dyDescent="0.25">
      <c r="A7" s="3" t="s">
        <v>83</v>
      </c>
    </row>
    <row r="8" spans="1:16" ht="15.75" customHeight="1" x14ac:dyDescent="0.25">
      <c r="A8" s="3" t="s">
        <v>84</v>
      </c>
    </row>
    <row r="9" spans="1:16" ht="15.75" customHeight="1" x14ac:dyDescent="0.25">
      <c r="A9" s="3"/>
    </row>
    <row r="10" spans="1:16" ht="15.75" customHeight="1" x14ac:dyDescent="0.25">
      <c r="A10" s="2" t="s">
        <v>59</v>
      </c>
    </row>
    <row r="11" spans="1:16" ht="15.75" customHeight="1" x14ac:dyDescent="0.25">
      <c r="A11" s="3" t="s">
        <v>78</v>
      </c>
    </row>
    <row r="12" spans="1:16" ht="15.75" customHeight="1" x14ac:dyDescent="0.25">
      <c r="A12" s="3" t="s">
        <v>80</v>
      </c>
    </row>
    <row r="13" spans="1:16" ht="15.75" customHeight="1" x14ac:dyDescent="0.25">
      <c r="A13" s="3" t="s">
        <v>81</v>
      </c>
    </row>
    <row r="14" spans="1:16" ht="15.75" customHeight="1" x14ac:dyDescent="0.25">
      <c r="A14" s="3" t="s">
        <v>82</v>
      </c>
    </row>
    <row r="15" spans="1:16" ht="15.75" customHeight="1" x14ac:dyDescent="0.25">
      <c r="A15" s="3"/>
    </row>
    <row r="16" spans="1:16" ht="15.75" customHeight="1" x14ac:dyDescent="0.25">
      <c r="A16" s="2" t="s">
        <v>60</v>
      </c>
    </row>
    <row r="17" spans="1:1" ht="15.75" customHeight="1" x14ac:dyDescent="0.25">
      <c r="A17" s="3" t="s">
        <v>77</v>
      </c>
    </row>
    <row r="18" spans="1:1" ht="15.75" customHeight="1" x14ac:dyDescent="0.25">
      <c r="A18" s="3" t="s">
        <v>79</v>
      </c>
    </row>
    <row r="19" spans="1:1" ht="15.75" customHeight="1" x14ac:dyDescent="0.25">
      <c r="A19" s="3" t="s">
        <v>76</v>
      </c>
    </row>
    <row r="20" spans="1:1" ht="15.75" customHeight="1" x14ac:dyDescent="0.25">
      <c r="A20" s="3"/>
    </row>
    <row r="21" spans="1:1" x14ac:dyDescent="0.25">
      <c r="A21" t="s">
        <v>2</v>
      </c>
    </row>
    <row r="22" spans="1:1" ht="17.25" x14ac:dyDescent="0.25">
      <c r="A22" s="11" t="s">
        <v>58</v>
      </c>
    </row>
    <row r="23" spans="1:1" ht="17.25" x14ac:dyDescent="0.25">
      <c r="A23" s="11" t="s">
        <v>64</v>
      </c>
    </row>
    <row r="24" spans="1:1" ht="17.25" x14ac:dyDescent="0.25">
      <c r="A24" s="11" t="s">
        <v>65</v>
      </c>
    </row>
    <row r="25" spans="1:1" ht="15.75" x14ac:dyDescent="0.25">
      <c r="A25" s="3" t="s">
        <v>75</v>
      </c>
    </row>
    <row r="26" spans="1:1" ht="17.25" x14ac:dyDescent="0.25">
      <c r="A26" s="11" t="s">
        <v>66</v>
      </c>
    </row>
    <row r="27" spans="1:1" ht="17.25" x14ac:dyDescent="0.25">
      <c r="A27" s="11" t="s">
        <v>67</v>
      </c>
    </row>
    <row r="28" spans="1:1" ht="17.25" x14ac:dyDescent="0.25">
      <c r="A28" s="11" t="s">
        <v>68</v>
      </c>
    </row>
    <row r="30" spans="1:1" s="12" customFormat="1" ht="15.75" x14ac:dyDescent="0.25">
      <c r="A30" s="3" t="s">
        <v>69</v>
      </c>
    </row>
    <row r="31" spans="1:1" s="12" customFormat="1" ht="31.5" x14ac:dyDescent="0.25">
      <c r="A31" s="3" t="s">
        <v>70</v>
      </c>
    </row>
    <row r="32" spans="1:1" s="12" customFormat="1" ht="31.5" x14ac:dyDescent="0.25">
      <c r="A32" s="3" t="s">
        <v>71</v>
      </c>
    </row>
    <row r="33" spans="1:12" s="12" customFormat="1" ht="31.5" x14ac:dyDescent="0.25">
      <c r="A33" s="3" t="s">
        <v>72</v>
      </c>
    </row>
    <row r="34" spans="1:12" s="12" customFormat="1" ht="15.75" x14ac:dyDescent="0.25">
      <c r="A34" s="3" t="s">
        <v>73</v>
      </c>
    </row>
    <row r="35" spans="1:12" s="12" customFormat="1" ht="15.75" x14ac:dyDescent="0.25">
      <c r="A35" s="3" t="s">
        <v>74</v>
      </c>
    </row>
    <row r="37" spans="1:12" x14ac:dyDescent="0.25">
      <c r="E37" s="4"/>
    </row>
    <row r="38" spans="1:12" x14ac:dyDescent="0.25">
      <c r="A38" s="5"/>
      <c r="B38" s="5" t="s">
        <v>5</v>
      </c>
      <c r="C38" s="5" t="s">
        <v>6</v>
      </c>
      <c r="D38" s="5" t="s">
        <v>7</v>
      </c>
      <c r="E38" s="6" t="s">
        <v>8</v>
      </c>
      <c r="F38" s="5"/>
      <c r="G38" s="5"/>
      <c r="H38" s="5"/>
    </row>
    <row r="39" spans="1:12" x14ac:dyDescent="0.25">
      <c r="A39" s="9" t="s">
        <v>9</v>
      </c>
      <c r="B39" s="5" t="s">
        <v>135</v>
      </c>
      <c r="C39" s="5" t="s">
        <v>112</v>
      </c>
      <c r="D39" s="5"/>
      <c r="E39" s="6" t="s">
        <v>113</v>
      </c>
      <c r="F39" s="5"/>
      <c r="G39" s="5"/>
      <c r="H39" s="5"/>
      <c r="L39" s="13" t="s">
        <v>85</v>
      </c>
    </row>
    <row r="40" spans="1:12" x14ac:dyDescent="0.25">
      <c r="A40" s="9" t="s">
        <v>11</v>
      </c>
      <c r="B40" s="5" t="s">
        <v>136</v>
      </c>
      <c r="C40" s="5" t="s">
        <v>112</v>
      </c>
      <c r="D40" s="5" t="s">
        <v>10</v>
      </c>
      <c r="E40" s="6"/>
      <c r="F40" s="5"/>
      <c r="G40" s="5"/>
      <c r="H40" s="5"/>
      <c r="L40" s="13" t="s">
        <v>86</v>
      </c>
    </row>
    <row r="41" spans="1:12" x14ac:dyDescent="0.25">
      <c r="A41" s="9" t="s">
        <v>12</v>
      </c>
      <c r="B41" s="5" t="s">
        <v>137</v>
      </c>
      <c r="C41" s="5" t="s">
        <v>14</v>
      </c>
      <c r="D41" s="7"/>
      <c r="E41" s="6" t="s">
        <v>114</v>
      </c>
      <c r="F41" s="5"/>
      <c r="G41" s="8"/>
      <c r="H41" s="5"/>
      <c r="L41" s="13" t="s">
        <v>87</v>
      </c>
    </row>
    <row r="42" spans="1:12" x14ac:dyDescent="0.25">
      <c r="A42" s="9" t="s">
        <v>13</v>
      </c>
      <c r="B42" s="7" t="s">
        <v>138</v>
      </c>
      <c r="C42" s="5" t="s">
        <v>14</v>
      </c>
      <c r="D42" s="5"/>
      <c r="E42" s="6"/>
      <c r="F42" s="5"/>
      <c r="G42" s="8"/>
      <c r="H42" s="5"/>
      <c r="L42" s="13" t="s">
        <v>88</v>
      </c>
    </row>
    <row r="43" spans="1:12" x14ac:dyDescent="0.25">
      <c r="A43" s="9" t="s">
        <v>15</v>
      </c>
      <c r="B43" s="5" t="s">
        <v>46</v>
      </c>
      <c r="C43" s="5" t="s">
        <v>115</v>
      </c>
      <c r="D43" s="5"/>
      <c r="E43" s="6"/>
      <c r="F43" s="5"/>
      <c r="G43" s="5"/>
      <c r="H43" s="5"/>
      <c r="L43" s="13" t="s">
        <v>89</v>
      </c>
    </row>
    <row r="44" spans="1:12" x14ac:dyDescent="0.25">
      <c r="A44" s="9" t="s">
        <v>16</v>
      </c>
      <c r="B44" s="5" t="s">
        <v>139</v>
      </c>
      <c r="C44" s="5" t="s">
        <v>17</v>
      </c>
      <c r="D44" s="5" t="s">
        <v>10</v>
      </c>
      <c r="E44" s="6" t="s">
        <v>116</v>
      </c>
      <c r="F44" s="5"/>
      <c r="G44" s="5"/>
      <c r="H44" s="5"/>
      <c r="L44" s="13" t="s">
        <v>90</v>
      </c>
    </row>
    <row r="45" spans="1:12" x14ac:dyDescent="0.25">
      <c r="A45" s="9" t="s">
        <v>18</v>
      </c>
      <c r="B45" s="5" t="s">
        <v>140</v>
      </c>
      <c r="C45" s="5" t="s">
        <v>17</v>
      </c>
      <c r="D45" s="5" t="s">
        <v>10</v>
      </c>
      <c r="E45" s="6"/>
      <c r="F45" s="5"/>
      <c r="G45" s="5"/>
      <c r="H45" s="5"/>
      <c r="L45" s="13" t="s">
        <v>91</v>
      </c>
    </row>
    <row r="46" spans="1:12" x14ac:dyDescent="0.25">
      <c r="A46" s="9" t="s">
        <v>19</v>
      </c>
      <c r="B46" s="5" t="s">
        <v>141</v>
      </c>
      <c r="C46" s="5" t="s">
        <v>21</v>
      </c>
      <c r="D46" s="5" t="s">
        <v>10</v>
      </c>
      <c r="E46" s="6" t="s">
        <v>118</v>
      </c>
      <c r="F46" s="5"/>
      <c r="G46" s="5"/>
      <c r="H46" s="5"/>
      <c r="L46" s="13" t="s">
        <v>117</v>
      </c>
    </row>
    <row r="47" spans="1:12" x14ac:dyDescent="0.25">
      <c r="A47" s="9" t="s">
        <v>20</v>
      </c>
      <c r="B47" s="5" t="s">
        <v>142</v>
      </c>
      <c r="C47" s="5" t="s">
        <v>21</v>
      </c>
      <c r="D47" s="5" t="s">
        <v>10</v>
      </c>
      <c r="E47" s="6"/>
      <c r="F47" s="5"/>
      <c r="G47" s="5"/>
      <c r="H47" s="5"/>
      <c r="L47" s="13" t="s">
        <v>92</v>
      </c>
    </row>
    <row r="48" spans="1:12" x14ac:dyDescent="0.25">
      <c r="A48" s="9" t="s">
        <v>22</v>
      </c>
      <c r="B48" s="5" t="s">
        <v>143</v>
      </c>
      <c r="C48" s="5" t="s">
        <v>21</v>
      </c>
      <c r="D48" s="5" t="s">
        <v>10</v>
      </c>
      <c r="E48" s="6" t="s">
        <v>119</v>
      </c>
      <c r="F48" s="5"/>
      <c r="G48" s="5"/>
      <c r="H48" s="5"/>
      <c r="L48" s="13" t="s">
        <v>93</v>
      </c>
    </row>
    <row r="49" spans="1:12" x14ac:dyDescent="0.25">
      <c r="A49" s="9" t="s">
        <v>23</v>
      </c>
      <c r="B49" s="5" t="s">
        <v>144</v>
      </c>
      <c r="C49" s="5" t="s">
        <v>21</v>
      </c>
      <c r="D49" s="5" t="s">
        <v>10</v>
      </c>
      <c r="E49" s="6"/>
      <c r="F49" s="5"/>
      <c r="G49" s="5"/>
      <c r="H49" s="5"/>
      <c r="L49" s="13" t="s">
        <v>94</v>
      </c>
    </row>
    <row r="50" spans="1:12" x14ac:dyDescent="0.25">
      <c r="A50" s="9" t="s">
        <v>24</v>
      </c>
      <c r="B50" s="5" t="s">
        <v>145</v>
      </c>
      <c r="C50" s="5" t="s">
        <v>25</v>
      </c>
      <c r="D50" s="5" t="s">
        <v>10</v>
      </c>
      <c r="E50" s="6" t="s">
        <v>120</v>
      </c>
      <c r="F50" s="5"/>
      <c r="G50" s="5"/>
      <c r="H50" s="5"/>
      <c r="L50" s="13" t="s">
        <v>95</v>
      </c>
    </row>
    <row r="51" spans="1:12" x14ac:dyDescent="0.25">
      <c r="A51" s="9" t="s">
        <v>26</v>
      </c>
      <c r="B51" s="5" t="s">
        <v>146</v>
      </c>
      <c r="C51" s="5" t="s">
        <v>25</v>
      </c>
      <c r="D51" s="5" t="s">
        <v>10</v>
      </c>
      <c r="E51" s="6" t="s">
        <v>121</v>
      </c>
      <c r="F51" s="5"/>
      <c r="G51" s="5"/>
      <c r="H51" s="5"/>
      <c r="L51" s="13" t="s">
        <v>96</v>
      </c>
    </row>
    <row r="52" spans="1:12" x14ac:dyDescent="0.25">
      <c r="A52" s="9" t="s">
        <v>27</v>
      </c>
      <c r="B52" s="5" t="s">
        <v>147</v>
      </c>
      <c r="C52" s="5" t="s">
        <v>25</v>
      </c>
      <c r="D52" s="5" t="s">
        <v>10</v>
      </c>
      <c r="E52" s="6" t="s">
        <v>122</v>
      </c>
      <c r="F52" s="5"/>
      <c r="G52" s="5"/>
      <c r="H52" s="5"/>
      <c r="L52" s="13" t="s">
        <v>97</v>
      </c>
    </row>
    <row r="53" spans="1:12" x14ac:dyDescent="0.25">
      <c r="A53" s="9" t="s">
        <v>28</v>
      </c>
      <c r="B53" s="5" t="s">
        <v>148</v>
      </c>
      <c r="C53" s="5" t="s">
        <v>25</v>
      </c>
      <c r="D53" s="5"/>
      <c r="E53" s="6" t="s">
        <v>123</v>
      </c>
      <c r="F53" s="5"/>
      <c r="G53" s="5"/>
      <c r="H53" s="5"/>
      <c r="L53" s="13" t="s">
        <v>98</v>
      </c>
    </row>
    <row r="54" spans="1:12" x14ac:dyDescent="0.25">
      <c r="A54" s="9" t="s">
        <v>29</v>
      </c>
      <c r="B54" s="5" t="s">
        <v>149</v>
      </c>
      <c r="C54" s="5" t="s">
        <v>25</v>
      </c>
      <c r="D54" s="5"/>
      <c r="E54" s="6" t="s">
        <v>124</v>
      </c>
      <c r="F54" s="5"/>
      <c r="G54" s="5"/>
      <c r="H54" s="5"/>
      <c r="L54" s="13" t="s">
        <v>99</v>
      </c>
    </row>
    <row r="55" spans="1:12" x14ac:dyDescent="0.25">
      <c r="A55" s="9" t="s">
        <v>30</v>
      </c>
      <c r="B55" s="5" t="s">
        <v>150</v>
      </c>
      <c r="C55" s="5" t="s">
        <v>25</v>
      </c>
      <c r="D55" s="5"/>
      <c r="E55" s="6" t="s">
        <v>125</v>
      </c>
      <c r="F55" s="5" t="s">
        <v>31</v>
      </c>
      <c r="G55" s="5"/>
      <c r="H55" s="5"/>
      <c r="L55" s="13" t="s">
        <v>100</v>
      </c>
    </row>
    <row r="56" spans="1:12" x14ac:dyDescent="0.25">
      <c r="A56" s="9" t="s">
        <v>32</v>
      </c>
      <c r="B56" s="5" t="s">
        <v>151</v>
      </c>
      <c r="C56" s="5" t="s">
        <v>48</v>
      </c>
      <c r="D56" s="5"/>
      <c r="E56" s="6" t="s">
        <v>126</v>
      </c>
      <c r="F56" s="5" t="s">
        <v>52</v>
      </c>
      <c r="G56" s="5"/>
      <c r="H56" s="5"/>
      <c r="L56" s="13" t="s">
        <v>101</v>
      </c>
    </row>
    <row r="57" spans="1:12" x14ac:dyDescent="0.25">
      <c r="A57" s="9" t="s">
        <v>33</v>
      </c>
      <c r="B57" s="5" t="s">
        <v>152</v>
      </c>
      <c r="C57" s="5" t="s">
        <v>48</v>
      </c>
      <c r="D57" s="5"/>
      <c r="E57" s="6" t="s">
        <v>127</v>
      </c>
      <c r="F57" s="5" t="s">
        <v>52</v>
      </c>
      <c r="G57" s="5"/>
      <c r="H57" s="5"/>
      <c r="L57" s="13" t="s">
        <v>102</v>
      </c>
    </row>
    <row r="58" spans="1:12" x14ac:dyDescent="0.25">
      <c r="A58" s="9" t="s">
        <v>34</v>
      </c>
      <c r="B58" s="5" t="s">
        <v>3</v>
      </c>
      <c r="C58" s="5" t="s">
        <v>50</v>
      </c>
      <c r="D58" s="5"/>
      <c r="E58" s="6" t="s">
        <v>127</v>
      </c>
      <c r="F58" s="5" t="s">
        <v>52</v>
      </c>
      <c r="G58" s="5"/>
      <c r="H58" s="5"/>
      <c r="L58" s="13" t="s">
        <v>103</v>
      </c>
    </row>
    <row r="59" spans="1:12" x14ac:dyDescent="0.25">
      <c r="A59" s="9" t="s">
        <v>36</v>
      </c>
      <c r="B59" s="5" t="s">
        <v>4</v>
      </c>
      <c r="C59" s="5" t="s">
        <v>48</v>
      </c>
      <c r="D59" s="5"/>
      <c r="E59" s="6" t="s">
        <v>128</v>
      </c>
      <c r="F59" s="5" t="s">
        <v>53</v>
      </c>
      <c r="G59" s="5"/>
      <c r="H59" s="5"/>
      <c r="L59" s="13" t="s">
        <v>104</v>
      </c>
    </row>
    <row r="60" spans="1:12" x14ac:dyDescent="0.25">
      <c r="A60" s="9" t="s">
        <v>37</v>
      </c>
      <c r="B60" s="5" t="s">
        <v>43</v>
      </c>
      <c r="C60" s="5" t="s">
        <v>35</v>
      </c>
      <c r="D60" s="5"/>
      <c r="E60" s="6" t="s">
        <v>128</v>
      </c>
      <c r="F60" s="5" t="s">
        <v>53</v>
      </c>
      <c r="G60" s="5"/>
      <c r="H60" s="5"/>
      <c r="L60" s="13" t="s">
        <v>105</v>
      </c>
    </row>
    <row r="61" spans="1:12" x14ac:dyDescent="0.25">
      <c r="A61" s="9" t="s">
        <v>38</v>
      </c>
      <c r="B61" s="5" t="s">
        <v>153</v>
      </c>
      <c r="C61" s="5" t="s">
        <v>50</v>
      </c>
      <c r="D61" s="5"/>
      <c r="E61" s="6" t="s">
        <v>129</v>
      </c>
      <c r="F61" s="5" t="s">
        <v>53</v>
      </c>
      <c r="G61" s="5"/>
      <c r="H61" s="5"/>
      <c r="L61" s="13" t="s">
        <v>106</v>
      </c>
    </row>
    <row r="62" spans="1:12" x14ac:dyDescent="0.25">
      <c r="A62" s="9" t="s">
        <v>40</v>
      </c>
      <c r="B62" s="5" t="s">
        <v>154</v>
      </c>
      <c r="C62" s="5" t="s">
        <v>50</v>
      </c>
      <c r="D62" s="5"/>
      <c r="E62" s="6" t="s">
        <v>128</v>
      </c>
      <c r="F62" s="5" t="s">
        <v>53</v>
      </c>
      <c r="G62" s="5"/>
      <c r="H62" s="5"/>
      <c r="L62" s="13" t="s">
        <v>107</v>
      </c>
    </row>
    <row r="63" spans="1:12" x14ac:dyDescent="0.25">
      <c r="A63" s="9" t="s">
        <v>41</v>
      </c>
      <c r="B63" s="5" t="s">
        <v>0</v>
      </c>
      <c r="C63" s="5" t="s">
        <v>50</v>
      </c>
      <c r="D63" s="5"/>
      <c r="E63" s="6" t="s">
        <v>130</v>
      </c>
      <c r="F63" s="5" t="s">
        <v>56</v>
      </c>
      <c r="G63" s="5"/>
      <c r="H63" s="5"/>
      <c r="L63" s="13" t="s">
        <v>108</v>
      </c>
    </row>
    <row r="64" spans="1:12" x14ac:dyDescent="0.25">
      <c r="A64" s="9" t="s">
        <v>42</v>
      </c>
      <c r="B64" s="5" t="s">
        <v>131</v>
      </c>
      <c r="C64" s="5" t="s">
        <v>39</v>
      </c>
      <c r="D64" s="5"/>
      <c r="E64" s="6" t="s">
        <v>130</v>
      </c>
      <c r="F64" s="5" t="s">
        <v>56</v>
      </c>
      <c r="G64" s="5"/>
      <c r="H64" s="5"/>
      <c r="L64" s="13" t="s">
        <v>109</v>
      </c>
    </row>
    <row r="65" spans="1:12" x14ac:dyDescent="0.25">
      <c r="A65" s="9" t="s">
        <v>44</v>
      </c>
      <c r="B65" s="5" t="s">
        <v>1</v>
      </c>
      <c r="C65" s="5" t="s">
        <v>132</v>
      </c>
      <c r="D65" s="5"/>
      <c r="E65" s="6" t="s">
        <v>133</v>
      </c>
      <c r="F65" s="5" t="s">
        <v>55</v>
      </c>
      <c r="G65" s="5"/>
      <c r="H65" s="5"/>
      <c r="L65" s="13" t="s">
        <v>110</v>
      </c>
    </row>
    <row r="66" spans="1:12" x14ac:dyDescent="0.25">
      <c r="A66" s="9" t="s">
        <v>45</v>
      </c>
      <c r="B66" s="5" t="s">
        <v>49</v>
      </c>
      <c r="C66" s="5" t="s">
        <v>51</v>
      </c>
      <c r="D66" s="5"/>
      <c r="E66" s="6" t="s">
        <v>134</v>
      </c>
      <c r="F66" s="5" t="s">
        <v>54</v>
      </c>
      <c r="G66" s="5"/>
      <c r="H66" s="5"/>
      <c r="L66" s="13" t="s">
        <v>111</v>
      </c>
    </row>
    <row r="67" spans="1:12" x14ac:dyDescent="0.25">
      <c r="A67" s="5"/>
      <c r="B67" s="5"/>
      <c r="C67" s="5"/>
      <c r="D67" s="5"/>
      <c r="E67" s="6"/>
      <c r="F67" s="5"/>
      <c r="G67" s="5"/>
      <c r="H67" s="5"/>
    </row>
    <row r="68" spans="1:12" x14ac:dyDescent="0.25">
      <c r="A68" s="7" t="s">
        <v>47</v>
      </c>
      <c r="B68" s="5"/>
      <c r="C68" s="5"/>
      <c r="D68" s="5"/>
      <c r="E68" s="6"/>
      <c r="F68" s="5"/>
      <c r="G68" s="5"/>
      <c r="H68" s="5"/>
    </row>
    <row r="69" spans="1:12" x14ac:dyDescent="0.25">
      <c r="A69" s="5"/>
      <c r="B69" s="5" t="s">
        <v>5</v>
      </c>
      <c r="C69" s="5" t="s">
        <v>6</v>
      </c>
      <c r="D69" s="5"/>
      <c r="E69" s="6"/>
      <c r="F69" s="5"/>
      <c r="G69" s="5"/>
      <c r="H69" s="5"/>
    </row>
    <row r="70" spans="1:12" x14ac:dyDescent="0.25">
      <c r="A70" s="5"/>
      <c r="B70" s="5" t="s">
        <v>5</v>
      </c>
      <c r="C70" s="5" t="s">
        <v>6</v>
      </c>
      <c r="D70" s="5" t="s">
        <v>7</v>
      </c>
      <c r="E70" s="6" t="s">
        <v>8</v>
      </c>
      <c r="F70" s="5"/>
      <c r="G70" s="5"/>
      <c r="H70" s="5"/>
    </row>
    <row r="71" spans="1:12" x14ac:dyDescent="0.25">
      <c r="A71" s="9" t="s">
        <v>9</v>
      </c>
      <c r="B71" s="5" t="s">
        <v>136</v>
      </c>
      <c r="C71" s="5" t="s">
        <v>112</v>
      </c>
      <c r="D71" s="5" t="s">
        <v>10</v>
      </c>
      <c r="E71" s="6"/>
      <c r="F71" s="5"/>
      <c r="G71" s="5"/>
      <c r="H71" s="5"/>
      <c r="L71" s="13" t="s">
        <v>86</v>
      </c>
    </row>
    <row r="72" spans="1:12" x14ac:dyDescent="0.25">
      <c r="A72" s="9" t="s">
        <v>11</v>
      </c>
      <c r="B72" s="5" t="s">
        <v>135</v>
      </c>
      <c r="C72" s="5" t="s">
        <v>112</v>
      </c>
      <c r="D72" s="5"/>
      <c r="E72" s="6" t="s">
        <v>113</v>
      </c>
      <c r="F72" s="5"/>
      <c r="G72" s="5"/>
      <c r="H72" s="5"/>
      <c r="L72" s="13" t="s">
        <v>85</v>
      </c>
    </row>
    <row r="73" spans="1:12" x14ac:dyDescent="0.25">
      <c r="A73" s="9" t="s">
        <v>12</v>
      </c>
      <c r="B73" s="7" t="s">
        <v>138</v>
      </c>
      <c r="C73" s="5" t="s">
        <v>14</v>
      </c>
      <c r="D73" s="5"/>
      <c r="E73" s="6"/>
      <c r="F73" s="5"/>
      <c r="G73" s="8"/>
      <c r="H73" s="5"/>
      <c r="L73" s="13" t="s">
        <v>88</v>
      </c>
    </row>
    <row r="74" spans="1:12" x14ac:dyDescent="0.25">
      <c r="A74" s="9" t="s">
        <v>13</v>
      </c>
      <c r="B74" s="5" t="s">
        <v>137</v>
      </c>
      <c r="C74" s="5" t="s">
        <v>14</v>
      </c>
      <c r="D74" s="7"/>
      <c r="E74" s="6" t="s">
        <v>114</v>
      </c>
      <c r="F74" s="5"/>
      <c r="G74" s="8"/>
      <c r="H74" s="5"/>
      <c r="L74" s="13" t="s">
        <v>87</v>
      </c>
    </row>
    <row r="75" spans="1:12" x14ac:dyDescent="0.25">
      <c r="A75" s="9" t="s">
        <v>15</v>
      </c>
      <c r="B75" s="5" t="s">
        <v>46</v>
      </c>
      <c r="C75" s="5" t="s">
        <v>115</v>
      </c>
      <c r="D75" s="5"/>
      <c r="E75" s="6"/>
      <c r="F75" s="5"/>
      <c r="G75" s="5"/>
      <c r="H75" s="5"/>
      <c r="L75" s="13" t="s">
        <v>89</v>
      </c>
    </row>
    <row r="76" spans="1:12" x14ac:dyDescent="0.25">
      <c r="A76" s="9" t="s">
        <v>16</v>
      </c>
      <c r="B76" s="5" t="s">
        <v>140</v>
      </c>
      <c r="C76" s="5" t="s">
        <v>17</v>
      </c>
      <c r="D76" s="5" t="s">
        <v>10</v>
      </c>
      <c r="E76" s="6"/>
      <c r="F76" s="5"/>
      <c r="G76" s="5"/>
      <c r="H76" s="5"/>
      <c r="L76" s="13" t="s">
        <v>91</v>
      </c>
    </row>
    <row r="77" spans="1:12" x14ac:dyDescent="0.25">
      <c r="A77" s="9" t="s">
        <v>18</v>
      </c>
      <c r="B77" s="5" t="s">
        <v>139</v>
      </c>
      <c r="C77" s="5" t="s">
        <v>17</v>
      </c>
      <c r="D77" s="5" t="s">
        <v>10</v>
      </c>
      <c r="E77" s="6" t="s">
        <v>116</v>
      </c>
      <c r="F77" s="5"/>
      <c r="G77" s="5"/>
      <c r="H77" s="5"/>
      <c r="L77" s="13" t="s">
        <v>90</v>
      </c>
    </row>
    <row r="78" spans="1:12" x14ac:dyDescent="0.25">
      <c r="A78" s="9" t="s">
        <v>19</v>
      </c>
      <c r="B78" s="5" t="s">
        <v>144</v>
      </c>
      <c r="C78" s="5" t="s">
        <v>21</v>
      </c>
      <c r="D78" s="5" t="s">
        <v>10</v>
      </c>
      <c r="E78" s="6"/>
      <c r="F78" s="5"/>
      <c r="G78" s="5"/>
      <c r="H78" s="5"/>
      <c r="L78" s="13" t="s">
        <v>94</v>
      </c>
    </row>
    <row r="79" spans="1:12" x14ac:dyDescent="0.25">
      <c r="A79" s="9" t="s">
        <v>20</v>
      </c>
      <c r="B79" s="5" t="s">
        <v>143</v>
      </c>
      <c r="C79" s="5" t="s">
        <v>21</v>
      </c>
      <c r="D79" s="5" t="s">
        <v>10</v>
      </c>
      <c r="E79" s="6" t="s">
        <v>119</v>
      </c>
      <c r="F79" s="5"/>
      <c r="G79" s="5"/>
      <c r="H79" s="5"/>
      <c r="L79" s="13" t="s">
        <v>93</v>
      </c>
    </row>
    <row r="80" spans="1:12" x14ac:dyDescent="0.25">
      <c r="A80" s="9" t="s">
        <v>22</v>
      </c>
      <c r="B80" s="5" t="s">
        <v>142</v>
      </c>
      <c r="C80" s="5" t="s">
        <v>21</v>
      </c>
      <c r="D80" s="5" t="s">
        <v>10</v>
      </c>
      <c r="E80" s="6"/>
      <c r="F80" s="5"/>
      <c r="G80" s="5"/>
      <c r="H80" s="5"/>
      <c r="L80" s="13" t="s">
        <v>92</v>
      </c>
    </row>
    <row r="81" spans="1:12" x14ac:dyDescent="0.25">
      <c r="A81" s="9" t="s">
        <v>23</v>
      </c>
      <c r="B81" s="5" t="s">
        <v>141</v>
      </c>
      <c r="C81" s="5" t="s">
        <v>21</v>
      </c>
      <c r="D81" s="5" t="s">
        <v>10</v>
      </c>
      <c r="E81" s="6" t="s">
        <v>118</v>
      </c>
      <c r="F81" s="5"/>
      <c r="G81" s="5"/>
      <c r="H81" s="5"/>
      <c r="L81" s="13" t="s">
        <v>117</v>
      </c>
    </row>
    <row r="82" spans="1:12" x14ac:dyDescent="0.25">
      <c r="A82" s="9" t="s">
        <v>24</v>
      </c>
      <c r="B82" s="5" t="s">
        <v>150</v>
      </c>
      <c r="C82" s="5" t="s">
        <v>25</v>
      </c>
      <c r="D82" s="5"/>
      <c r="E82" s="6" t="s">
        <v>125</v>
      </c>
      <c r="F82" s="5" t="s">
        <v>31</v>
      </c>
      <c r="G82" s="5"/>
      <c r="H82" s="5"/>
      <c r="L82" s="13" t="s">
        <v>100</v>
      </c>
    </row>
    <row r="83" spans="1:12" x14ac:dyDescent="0.25">
      <c r="A83" s="9" t="s">
        <v>26</v>
      </c>
      <c r="B83" s="5" t="s">
        <v>149</v>
      </c>
      <c r="C83" s="5" t="s">
        <v>25</v>
      </c>
      <c r="D83" s="5"/>
      <c r="E83" s="6" t="s">
        <v>124</v>
      </c>
      <c r="F83" s="5"/>
      <c r="G83" s="5"/>
      <c r="H83" s="5"/>
      <c r="L83" s="13" t="s">
        <v>99</v>
      </c>
    </row>
    <row r="84" spans="1:12" x14ac:dyDescent="0.25">
      <c r="A84" s="9" t="s">
        <v>27</v>
      </c>
      <c r="B84" s="5" t="s">
        <v>148</v>
      </c>
      <c r="C84" s="5" t="s">
        <v>25</v>
      </c>
      <c r="D84" s="5"/>
      <c r="E84" s="6" t="s">
        <v>123</v>
      </c>
      <c r="F84" s="5"/>
      <c r="G84" s="5"/>
      <c r="H84" s="5"/>
      <c r="L84" s="13" t="s">
        <v>98</v>
      </c>
    </row>
    <row r="85" spans="1:12" x14ac:dyDescent="0.25">
      <c r="A85" s="9" t="s">
        <v>28</v>
      </c>
      <c r="B85" s="5" t="s">
        <v>147</v>
      </c>
      <c r="C85" s="5" t="s">
        <v>25</v>
      </c>
      <c r="D85" s="5" t="s">
        <v>10</v>
      </c>
      <c r="E85" s="6" t="s">
        <v>122</v>
      </c>
      <c r="F85" s="5"/>
      <c r="G85" s="5"/>
      <c r="H85" s="5"/>
      <c r="L85" s="13" t="s">
        <v>97</v>
      </c>
    </row>
    <row r="86" spans="1:12" x14ac:dyDescent="0.25">
      <c r="A86" s="9" t="s">
        <v>29</v>
      </c>
      <c r="B86" s="5" t="s">
        <v>146</v>
      </c>
      <c r="C86" s="5" t="s">
        <v>25</v>
      </c>
      <c r="D86" s="5" t="s">
        <v>10</v>
      </c>
      <c r="E86" s="6" t="s">
        <v>121</v>
      </c>
      <c r="F86" s="5"/>
      <c r="G86" s="5"/>
      <c r="H86" s="5"/>
      <c r="L86" s="13" t="s">
        <v>96</v>
      </c>
    </row>
    <row r="87" spans="1:12" x14ac:dyDescent="0.25">
      <c r="A87" s="9" t="s">
        <v>30</v>
      </c>
      <c r="B87" s="5" t="s">
        <v>145</v>
      </c>
      <c r="C87" s="5" t="s">
        <v>25</v>
      </c>
      <c r="D87" s="5" t="s">
        <v>10</v>
      </c>
      <c r="E87" s="6" t="s">
        <v>120</v>
      </c>
      <c r="F87" s="5"/>
      <c r="G87" s="5"/>
      <c r="H87" s="5"/>
      <c r="L87" s="13" t="s">
        <v>95</v>
      </c>
    </row>
    <row r="88" spans="1:12" x14ac:dyDescent="0.25">
      <c r="A88" s="9" t="s">
        <v>32</v>
      </c>
      <c r="B88" s="5" t="s">
        <v>152</v>
      </c>
      <c r="C88" s="5" t="s">
        <v>48</v>
      </c>
      <c r="D88" s="5"/>
      <c r="E88" s="6" t="s">
        <v>127</v>
      </c>
      <c r="F88" s="5" t="s">
        <v>52</v>
      </c>
      <c r="G88" s="5"/>
      <c r="H88" s="5"/>
      <c r="L88" s="13" t="s">
        <v>102</v>
      </c>
    </row>
    <row r="89" spans="1:12" x14ac:dyDescent="0.25">
      <c r="A89" s="9" t="s">
        <v>33</v>
      </c>
      <c r="B89" s="5" t="s">
        <v>151</v>
      </c>
      <c r="C89" s="5" t="s">
        <v>48</v>
      </c>
      <c r="D89" s="5"/>
      <c r="E89" s="6" t="s">
        <v>126</v>
      </c>
      <c r="F89" s="5" t="s">
        <v>52</v>
      </c>
      <c r="G89" s="5"/>
      <c r="H89" s="5"/>
      <c r="L89" s="13" t="s">
        <v>101</v>
      </c>
    </row>
    <row r="90" spans="1:12" x14ac:dyDescent="0.25">
      <c r="A90" s="9" t="s">
        <v>34</v>
      </c>
      <c r="B90" s="5" t="s">
        <v>3</v>
      </c>
      <c r="C90" s="5" t="s">
        <v>50</v>
      </c>
      <c r="D90" s="5"/>
      <c r="E90" s="6" t="s">
        <v>127</v>
      </c>
      <c r="F90" s="5" t="s">
        <v>52</v>
      </c>
      <c r="G90" s="5"/>
      <c r="H90" s="5"/>
      <c r="L90" s="13" t="s">
        <v>103</v>
      </c>
    </row>
    <row r="91" spans="1:12" x14ac:dyDescent="0.25">
      <c r="A91" s="9" t="s">
        <v>36</v>
      </c>
      <c r="B91" s="5" t="s">
        <v>4</v>
      </c>
      <c r="C91" s="5" t="s">
        <v>48</v>
      </c>
      <c r="D91" s="5"/>
      <c r="E91" s="6" t="s">
        <v>128</v>
      </c>
      <c r="F91" s="5" t="s">
        <v>53</v>
      </c>
      <c r="G91" s="5"/>
      <c r="H91" s="5"/>
      <c r="L91" s="13" t="s">
        <v>104</v>
      </c>
    </row>
    <row r="92" spans="1:12" x14ac:dyDescent="0.25">
      <c r="A92" s="9" t="s">
        <v>37</v>
      </c>
      <c r="B92" s="5" t="s">
        <v>43</v>
      </c>
      <c r="C92" s="5" t="s">
        <v>35</v>
      </c>
      <c r="D92" s="5"/>
      <c r="E92" s="6" t="s">
        <v>128</v>
      </c>
      <c r="F92" s="5" t="s">
        <v>53</v>
      </c>
      <c r="G92" s="5"/>
      <c r="H92" s="5"/>
      <c r="L92" s="13" t="s">
        <v>105</v>
      </c>
    </row>
    <row r="93" spans="1:12" x14ac:dyDescent="0.25">
      <c r="A93" s="9" t="s">
        <v>38</v>
      </c>
      <c r="B93" s="5" t="s">
        <v>154</v>
      </c>
      <c r="C93" s="5" t="s">
        <v>50</v>
      </c>
      <c r="D93" s="5"/>
      <c r="E93" s="6" t="s">
        <v>128</v>
      </c>
      <c r="F93" s="5" t="s">
        <v>53</v>
      </c>
      <c r="G93" s="5"/>
      <c r="H93" s="5"/>
      <c r="L93" s="13" t="s">
        <v>107</v>
      </c>
    </row>
    <row r="94" spans="1:12" x14ac:dyDescent="0.25">
      <c r="A94" s="9" t="s">
        <v>40</v>
      </c>
      <c r="B94" s="5" t="s">
        <v>153</v>
      </c>
      <c r="C94" s="5" t="s">
        <v>50</v>
      </c>
      <c r="D94" s="5"/>
      <c r="E94" s="6" t="s">
        <v>129</v>
      </c>
      <c r="F94" s="5" t="s">
        <v>53</v>
      </c>
      <c r="G94" s="5"/>
      <c r="H94" s="5"/>
      <c r="L94" s="13" t="s">
        <v>106</v>
      </c>
    </row>
    <row r="95" spans="1:12" x14ac:dyDescent="0.25">
      <c r="A95" s="9" t="s">
        <v>41</v>
      </c>
      <c r="B95" s="5" t="s">
        <v>0</v>
      </c>
      <c r="C95" s="5" t="s">
        <v>50</v>
      </c>
      <c r="D95" s="5"/>
      <c r="E95" s="6" t="s">
        <v>130</v>
      </c>
      <c r="F95" s="5" t="s">
        <v>56</v>
      </c>
      <c r="G95" s="5"/>
      <c r="H95" s="5"/>
      <c r="L95" s="13" t="s">
        <v>108</v>
      </c>
    </row>
    <row r="96" spans="1:12" x14ac:dyDescent="0.25">
      <c r="A96" s="9" t="s">
        <v>42</v>
      </c>
      <c r="B96" s="5" t="s">
        <v>131</v>
      </c>
      <c r="C96" s="5" t="s">
        <v>39</v>
      </c>
      <c r="D96" s="5"/>
      <c r="E96" s="6" t="s">
        <v>130</v>
      </c>
      <c r="F96" s="5" t="s">
        <v>56</v>
      </c>
      <c r="G96" s="5"/>
      <c r="H96" s="5"/>
      <c r="L96" s="13" t="s">
        <v>109</v>
      </c>
    </row>
    <row r="97" spans="1:12" x14ac:dyDescent="0.25">
      <c r="A97" s="9" t="s">
        <v>44</v>
      </c>
      <c r="B97" s="5" t="s">
        <v>1</v>
      </c>
      <c r="C97" s="5" t="s">
        <v>132</v>
      </c>
      <c r="D97" s="5"/>
      <c r="E97" s="6" t="s">
        <v>133</v>
      </c>
      <c r="F97" s="5" t="s">
        <v>55</v>
      </c>
      <c r="G97" s="5"/>
      <c r="H97" s="5"/>
      <c r="L97" s="13" t="s">
        <v>110</v>
      </c>
    </row>
    <row r="98" spans="1:12" x14ac:dyDescent="0.25">
      <c r="A98" s="9" t="s">
        <v>45</v>
      </c>
      <c r="B98" s="5" t="s">
        <v>49</v>
      </c>
      <c r="C98" s="5" t="s">
        <v>51</v>
      </c>
      <c r="D98" s="5"/>
      <c r="E98" s="6" t="s">
        <v>134</v>
      </c>
      <c r="F98" s="5" t="s">
        <v>54</v>
      </c>
      <c r="G98" s="5"/>
      <c r="H98" s="5"/>
      <c r="L98" s="13" t="s">
        <v>111</v>
      </c>
    </row>
  </sheetData>
  <mergeCells count="1">
    <mergeCell ref="A1:P1"/>
  </mergeCells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Final Standing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exd</dc:creator>
  <cp:lastModifiedBy>Dennis Crowley</cp:lastModifiedBy>
  <dcterms:created xsi:type="dcterms:W3CDTF">2019-01-15T02:15:34Z</dcterms:created>
  <dcterms:modified xsi:type="dcterms:W3CDTF">2025-08-28T21:51:41Z</dcterms:modified>
</cp:coreProperties>
</file>